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D5C43" w:rsidRDefault="005E7F88" w:rsidP="005E7F88">
      <w:pPr>
        <w:ind w:left="-630" w:right="-990"/>
      </w:pPr>
      <w:r w:rsidRPr="005E7F88">
        <w:rPr>
          <w:noProof/>
        </w:rPr>
        <w:drawing>
          <wp:inline distT="0" distB="0" distL="0" distR="0">
            <wp:extent cx="6825082" cy="9659863"/>
            <wp:effectExtent l="0" t="0" r="0" b="0"/>
            <wp:docPr id="1" name="Picture 1" descr="\\rlahome.rrcc.ccofc.edu\home$\s02372138\Documents\STUDENT RECREATION CENTER\FITNESS\Group Fitness Assistants\Marketing\Spring 2018\Spr18 Group Fitness Schedul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rlahome.rrcc.ccofc.edu\home$\s02372138\Documents\STUDENT RECREATION CENTER\FITNESS\Group Fitness Assistants\Marketing\Spring 2018\Spr18 Group Fitness Schedule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35379" cy="96744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C6FA9" w:rsidRPr="00EC6FA9">
        <w:rPr>
          <w:noProof/>
        </w:rPr>
        <w:t xml:space="preserve"> </w:t>
      </w:r>
    </w:p>
    <w:p w:rsidR="004D5C43" w:rsidRDefault="00F24DC8" w:rsidP="00EC6FA9">
      <w:pPr>
        <w:ind w:left="-630" w:right="-990"/>
      </w:pPr>
      <w:r w:rsidRPr="00F24DC8">
        <w:rPr>
          <w:noProof/>
        </w:rPr>
        <w:lastRenderedPageBreak/>
        <w:drawing>
          <wp:inline distT="0" distB="0" distL="0" distR="0">
            <wp:extent cx="6810451" cy="9631302"/>
            <wp:effectExtent l="0" t="0" r="0" b="8255"/>
            <wp:docPr id="2" name="Picture 2" descr="C:\Users\s02372138\Downloads\Spr18 Group Fitness Class Descriptions (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2372138\Downloads\Spr18 Group Fitness Class Descriptions (2)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17691" cy="9641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4D5C43" w:rsidSect="004D5C43">
      <w:pgSz w:w="12240" w:h="15840"/>
      <w:pgMar w:top="90" w:right="1440" w:bottom="9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proofState w:spelling="clean" w:grammar="clean"/>
  <w:documentProtection w:edit="readOnly" w:enforcement="1" w:cryptProviderType="rsaAES" w:cryptAlgorithmClass="hash" w:cryptAlgorithmType="typeAny" w:cryptAlgorithmSid="14" w:cryptSpinCount="100000" w:hash="K3102svfMXefMCuQt4bly0ZAzV/Q/6yzBTbWcLDn7oCMHSDdnnWd7k6JEjQ8q7saWcIOtQlRZFPd6pmVctIUHQ==" w:salt="gZ9Rz7ueKeOMZ4sadyjudA==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3186F"/>
    <w:rsid w:val="0043186F"/>
    <w:rsid w:val="004D5C43"/>
    <w:rsid w:val="005E7F88"/>
    <w:rsid w:val="00634B58"/>
    <w:rsid w:val="007203FB"/>
    <w:rsid w:val="00DD5F71"/>
    <w:rsid w:val="00E3290E"/>
    <w:rsid w:val="00EC6FA9"/>
    <w:rsid w:val="00F24DC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4C27BBC"/>
  <w15:chartTrackingRefBased/>
  <w15:docId w15:val="{1DA0139A-67D3-40E1-AD18-0E4BDF126C7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4D5C43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D5C43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0</TotalTime>
  <Pages>2</Pages>
  <Words>0</Words>
  <Characters>4</Characters>
  <Application>Microsoft Office Word</Application>
  <DocSecurity>8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ed Rocks Community College</Company>
  <LinksUpToDate>false</LinksUpToDate>
  <CharactersWithSpaces>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eeton, Breuna</dc:creator>
  <cp:keywords/>
  <dc:description/>
  <cp:lastModifiedBy>Keeton, Breuna</cp:lastModifiedBy>
  <cp:revision>7</cp:revision>
  <cp:lastPrinted>2018-01-11T18:39:00Z</cp:lastPrinted>
  <dcterms:created xsi:type="dcterms:W3CDTF">2017-11-28T20:46:00Z</dcterms:created>
  <dcterms:modified xsi:type="dcterms:W3CDTF">2018-01-12T18:54:00Z</dcterms:modified>
</cp:coreProperties>
</file>